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275"/>
        <w:gridCol w:w="1418"/>
        <w:gridCol w:w="850"/>
        <w:gridCol w:w="993"/>
        <w:gridCol w:w="468"/>
        <w:gridCol w:w="520"/>
        <w:gridCol w:w="731"/>
        <w:gridCol w:w="1251"/>
      </w:tblGrid>
      <w:tr w:rsidR="00DA0416" w:rsidRPr="00012464" w14:paraId="10EA8F1A" w14:textId="77777777" w:rsidTr="00C84055">
        <w:trPr>
          <w:jc w:val="center"/>
        </w:trPr>
        <w:tc>
          <w:tcPr>
            <w:tcW w:w="9628" w:type="dxa"/>
            <w:gridSpan w:val="9"/>
            <w:vAlign w:val="center"/>
          </w:tcPr>
          <w:p w14:paraId="240C8F84" w14:textId="77777777" w:rsidR="00DA0416" w:rsidRPr="00012464" w:rsidRDefault="00DA0416" w:rsidP="00C84055">
            <w:pPr>
              <w:jc w:val="center"/>
              <w:rPr>
                <w:lang w:val="da-DK"/>
              </w:rPr>
            </w:pPr>
            <w:r w:rsidRPr="00012464">
              <w:rPr>
                <w:b/>
                <w:sz w:val="32"/>
                <w:szCs w:val="32"/>
                <w:lang w:val="da-DK"/>
              </w:rPr>
              <w:t xml:space="preserve">Tilsyn med Lundby Dambrug </w:t>
            </w:r>
          </w:p>
        </w:tc>
      </w:tr>
      <w:tr w:rsidR="00DA0416" w:rsidRPr="00012464" w14:paraId="7A6AEC0C" w14:textId="77777777" w:rsidTr="00C84055">
        <w:trPr>
          <w:jc w:val="center"/>
        </w:trPr>
        <w:tc>
          <w:tcPr>
            <w:tcW w:w="2122" w:type="dxa"/>
            <w:vAlign w:val="center"/>
          </w:tcPr>
          <w:p w14:paraId="11808B40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Dato for administrativt tilsyn</w:t>
            </w:r>
          </w:p>
        </w:tc>
        <w:tc>
          <w:tcPr>
            <w:tcW w:w="1275" w:type="dxa"/>
            <w:vAlign w:val="center"/>
          </w:tcPr>
          <w:p w14:paraId="0B6ACF93" w14:textId="4EAD5A0D" w:rsidR="00DA0416" w:rsidRPr="00012464" w:rsidRDefault="00F12437" w:rsidP="00C84055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22</w:t>
            </w:r>
            <w:r w:rsidR="00DA0416" w:rsidRPr="00012464">
              <w:rPr>
                <w:lang w:val="da-DK"/>
              </w:rPr>
              <w:t>-02-2023</w:t>
            </w:r>
          </w:p>
        </w:tc>
        <w:tc>
          <w:tcPr>
            <w:tcW w:w="3261" w:type="dxa"/>
            <w:gridSpan w:val="3"/>
            <w:vAlign w:val="center"/>
          </w:tcPr>
          <w:p w14:paraId="1BA9EC28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</w:p>
        </w:tc>
        <w:tc>
          <w:tcPr>
            <w:tcW w:w="2970" w:type="dxa"/>
            <w:gridSpan w:val="4"/>
            <w:vAlign w:val="center"/>
          </w:tcPr>
          <w:p w14:paraId="60D58562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</w:p>
        </w:tc>
      </w:tr>
      <w:tr w:rsidR="00DA0416" w:rsidRPr="00012464" w14:paraId="131F4768" w14:textId="77777777" w:rsidTr="00C84055">
        <w:trPr>
          <w:trHeight w:val="621"/>
          <w:jc w:val="center"/>
        </w:trPr>
        <w:tc>
          <w:tcPr>
            <w:tcW w:w="2122" w:type="dxa"/>
            <w:vAlign w:val="center"/>
          </w:tcPr>
          <w:p w14:paraId="72EE7454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 xml:space="preserve">Navn, adresse, </w:t>
            </w:r>
            <w:proofErr w:type="spellStart"/>
            <w:r w:rsidRPr="00012464">
              <w:rPr>
                <w:b/>
                <w:lang w:val="da-DK"/>
              </w:rPr>
              <w:t>tlf</w:t>
            </w:r>
            <w:proofErr w:type="spellEnd"/>
          </w:p>
        </w:tc>
        <w:tc>
          <w:tcPr>
            <w:tcW w:w="7506" w:type="dxa"/>
            <w:gridSpan w:val="8"/>
            <w:vAlign w:val="center"/>
          </w:tcPr>
          <w:p w14:paraId="40F1B0FA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Kildevej 4, 9240 Nibe</w:t>
            </w:r>
          </w:p>
        </w:tc>
      </w:tr>
      <w:tr w:rsidR="00DA0416" w:rsidRPr="00012464" w14:paraId="3DC019DC" w14:textId="77777777" w:rsidTr="00C84055">
        <w:trPr>
          <w:jc w:val="center"/>
        </w:trPr>
        <w:tc>
          <w:tcPr>
            <w:tcW w:w="2122" w:type="dxa"/>
            <w:vAlign w:val="center"/>
          </w:tcPr>
          <w:p w14:paraId="3203196E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Registrerings nr.</w:t>
            </w:r>
          </w:p>
        </w:tc>
        <w:tc>
          <w:tcPr>
            <w:tcW w:w="1275" w:type="dxa"/>
            <w:vAlign w:val="center"/>
          </w:tcPr>
          <w:p w14:paraId="3BF350BA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CVR</w:t>
            </w:r>
          </w:p>
        </w:tc>
        <w:tc>
          <w:tcPr>
            <w:tcW w:w="1418" w:type="dxa"/>
            <w:vAlign w:val="center"/>
          </w:tcPr>
          <w:p w14:paraId="006CB927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15674490</w:t>
            </w:r>
          </w:p>
        </w:tc>
        <w:tc>
          <w:tcPr>
            <w:tcW w:w="850" w:type="dxa"/>
            <w:vAlign w:val="center"/>
          </w:tcPr>
          <w:p w14:paraId="6607CEE1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5498730B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</w:p>
        </w:tc>
        <w:tc>
          <w:tcPr>
            <w:tcW w:w="1251" w:type="dxa"/>
            <w:gridSpan w:val="2"/>
            <w:vAlign w:val="center"/>
          </w:tcPr>
          <w:p w14:paraId="7782421D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CHR</w:t>
            </w:r>
          </w:p>
        </w:tc>
        <w:tc>
          <w:tcPr>
            <w:tcW w:w="1251" w:type="dxa"/>
            <w:vAlign w:val="center"/>
          </w:tcPr>
          <w:p w14:paraId="5B2F398F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103606</w:t>
            </w:r>
          </w:p>
        </w:tc>
      </w:tr>
      <w:tr w:rsidR="00DA0416" w:rsidRPr="00012464" w14:paraId="5A928A38" w14:textId="77777777" w:rsidTr="00C84055">
        <w:trPr>
          <w:jc w:val="center"/>
        </w:trPr>
        <w:tc>
          <w:tcPr>
            <w:tcW w:w="2122" w:type="dxa"/>
            <w:vAlign w:val="center"/>
          </w:tcPr>
          <w:p w14:paraId="0DACF0E1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Listebetegnelse</w:t>
            </w:r>
          </w:p>
        </w:tc>
        <w:tc>
          <w:tcPr>
            <w:tcW w:w="7506" w:type="dxa"/>
            <w:gridSpan w:val="8"/>
            <w:vAlign w:val="center"/>
          </w:tcPr>
          <w:p w14:paraId="3EA1A70E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I201 Ferskvandsdambrug</w:t>
            </w:r>
          </w:p>
        </w:tc>
      </w:tr>
      <w:tr w:rsidR="00DA0416" w:rsidRPr="00012464" w14:paraId="1A449BC5" w14:textId="77777777" w:rsidTr="00C84055">
        <w:trPr>
          <w:jc w:val="center"/>
        </w:trPr>
        <w:tc>
          <w:tcPr>
            <w:tcW w:w="2122" w:type="dxa"/>
            <w:vAlign w:val="center"/>
          </w:tcPr>
          <w:p w14:paraId="42CD60C8" w14:textId="77777777" w:rsidR="00DA0416" w:rsidRPr="00012464" w:rsidRDefault="00DA0416" w:rsidP="00C84055">
            <w:pPr>
              <w:spacing w:after="0"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Miljøgodkendelse</w:t>
            </w:r>
          </w:p>
        </w:tc>
        <w:tc>
          <w:tcPr>
            <w:tcW w:w="3543" w:type="dxa"/>
            <w:gridSpan w:val="3"/>
            <w:vAlign w:val="center"/>
          </w:tcPr>
          <w:p w14:paraId="5C06BBB6" w14:textId="77777777" w:rsidR="00DA0416" w:rsidRPr="00012464" w:rsidRDefault="00DA0416" w:rsidP="00C84055">
            <w:pPr>
              <w:spacing w:after="0" w:line="276" w:lineRule="auto"/>
              <w:rPr>
                <w:b/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17.02.2010, vilkårsændret 13.07.2011</w:t>
            </w:r>
          </w:p>
        </w:tc>
        <w:tc>
          <w:tcPr>
            <w:tcW w:w="1981" w:type="dxa"/>
            <w:gridSpan w:val="3"/>
            <w:vAlign w:val="center"/>
          </w:tcPr>
          <w:p w14:paraId="095C13E8" w14:textId="77777777" w:rsidR="00DA0416" w:rsidRPr="00012464" w:rsidRDefault="00DA0416" w:rsidP="00C84055">
            <w:pPr>
              <w:spacing w:after="0" w:line="276" w:lineRule="auto"/>
              <w:rPr>
                <w:lang w:val="da-DK"/>
              </w:rPr>
            </w:pPr>
            <w:r w:rsidRPr="00012464">
              <w:rPr>
                <w:b/>
                <w:lang w:val="da-DK"/>
              </w:rPr>
              <w:t>Vandindvinding</w:t>
            </w:r>
          </w:p>
        </w:tc>
        <w:tc>
          <w:tcPr>
            <w:tcW w:w="1982" w:type="dxa"/>
            <w:gridSpan w:val="2"/>
            <w:vAlign w:val="center"/>
          </w:tcPr>
          <w:p w14:paraId="2C745624" w14:textId="77777777" w:rsidR="00DA0416" w:rsidRPr="00012464" w:rsidRDefault="00DA0416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29.08.2005</w:t>
            </w:r>
          </w:p>
          <w:p w14:paraId="06197906" w14:textId="77777777" w:rsidR="00DA0416" w:rsidRPr="00012464" w:rsidRDefault="00DA0416" w:rsidP="00C84055">
            <w:pPr>
              <w:spacing w:after="0"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(grundvand)</w:t>
            </w:r>
          </w:p>
        </w:tc>
      </w:tr>
      <w:tr w:rsidR="00DA0416" w:rsidRPr="00012464" w14:paraId="354CEEBB" w14:textId="77777777" w:rsidTr="00C84055">
        <w:trPr>
          <w:jc w:val="center"/>
        </w:trPr>
        <w:tc>
          <w:tcPr>
            <w:tcW w:w="2122" w:type="dxa"/>
            <w:vAlign w:val="center"/>
          </w:tcPr>
          <w:p w14:paraId="55189E12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Baggrund og omfang</w:t>
            </w:r>
          </w:p>
        </w:tc>
        <w:tc>
          <w:tcPr>
            <w:tcW w:w="7506" w:type="dxa"/>
            <w:gridSpan w:val="8"/>
            <w:vAlign w:val="center"/>
          </w:tcPr>
          <w:p w14:paraId="2C74F9A6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lang w:val="da-DK"/>
              </w:rPr>
              <w:t>Baggrunden for tilsynet er, at Aalborg Kommune fører tilsyn med dambrug, jævnfør bekendtgørelse nr. 1567 af 7. december 2016 om ferskvandsdambrug.</w:t>
            </w:r>
          </w:p>
          <w:p w14:paraId="1E9A185E" w14:textId="77777777" w:rsidR="00DA0416" w:rsidRPr="00012464" w:rsidRDefault="00DA0416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Tilsynet er et administrativt tilsyn og omhandler dambrugets årsindberetning og</w:t>
            </w:r>
          </w:p>
          <w:p w14:paraId="23AF232A" w14:textId="298C37F7" w:rsidR="00DA0416" w:rsidRPr="00012464" w:rsidRDefault="00DA0416" w:rsidP="00DA0416">
            <w:pPr>
              <w:spacing w:after="0"/>
              <w:rPr>
                <w:rFonts w:ascii="Calibri" w:hAnsi="Calibri" w:cs="Calibri"/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egenkontrol for det foregående år. Det administrative tilsyn er en del af det samlede tilsyn, som Aalborg Kommune fører med dambrug.</w:t>
            </w:r>
          </w:p>
          <w:p w14:paraId="10E4D1AF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lang w:val="da-DK"/>
              </w:rP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DA0416" w:rsidRPr="00012464" w14:paraId="35B98138" w14:textId="77777777" w:rsidTr="00C84055">
        <w:trPr>
          <w:jc w:val="center"/>
        </w:trPr>
        <w:tc>
          <w:tcPr>
            <w:tcW w:w="2122" w:type="dxa"/>
            <w:vAlign w:val="center"/>
          </w:tcPr>
          <w:p w14:paraId="40C483E7" w14:textId="74959719" w:rsidR="00DA0416" w:rsidRPr="00012464" w:rsidRDefault="00DA0416" w:rsidP="00F12437">
            <w:pPr>
              <w:spacing w:after="0" w:line="276" w:lineRule="auto"/>
              <w:jc w:val="center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Egenkontrol</w:t>
            </w:r>
          </w:p>
        </w:tc>
        <w:tc>
          <w:tcPr>
            <w:tcW w:w="7506" w:type="dxa"/>
            <w:gridSpan w:val="8"/>
            <w:vAlign w:val="center"/>
          </w:tcPr>
          <w:p w14:paraId="4E051DD1" w14:textId="513FC745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lang w:val="da-DK"/>
              </w:rPr>
              <w:t>Dambruget har udtaget 6 egenkontrolprøver</w:t>
            </w:r>
            <w:r w:rsidR="00D76694" w:rsidRPr="00012464">
              <w:rPr>
                <w:lang w:val="da-DK"/>
              </w:rPr>
              <w:t xml:space="preserve"> i 2022</w:t>
            </w:r>
            <w:r w:rsidRPr="00012464">
              <w:rPr>
                <w:lang w:val="da-DK"/>
              </w:rPr>
              <w:t xml:space="preserve">. </w:t>
            </w:r>
            <w:r w:rsidR="00D76694" w:rsidRPr="00012464">
              <w:rPr>
                <w:lang w:val="da-DK"/>
              </w:rPr>
              <w:t>Alle kravværdier for de forskellige parametre, jf. miljøgodkendelsen,</w:t>
            </w:r>
            <w:r w:rsidRPr="00012464">
              <w:rPr>
                <w:lang w:val="da-DK"/>
              </w:rPr>
              <w:t xml:space="preserve"> </w:t>
            </w:r>
            <w:r w:rsidR="00D76694" w:rsidRPr="00012464">
              <w:rPr>
                <w:lang w:val="da-DK"/>
              </w:rPr>
              <w:t>er overholdt.</w:t>
            </w:r>
          </w:p>
          <w:p w14:paraId="16CC7072" w14:textId="210DC5E5" w:rsidR="00D76694" w:rsidRPr="00012464" w:rsidRDefault="00ED05A1" w:rsidP="00C84055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Figurer med</w:t>
            </w:r>
            <w:r w:rsidR="00D76694" w:rsidRPr="00012464">
              <w:rPr>
                <w:lang w:val="da-DK"/>
              </w:rPr>
              <w:t xml:space="preserve"> egenkontrol er vedlagt</w:t>
            </w:r>
            <w:r>
              <w:rPr>
                <w:lang w:val="da-DK"/>
              </w:rPr>
              <w:t xml:space="preserve"> som bilag</w:t>
            </w:r>
            <w:r w:rsidR="00D76694" w:rsidRPr="00012464">
              <w:rPr>
                <w:lang w:val="da-DK"/>
              </w:rPr>
              <w:t>.</w:t>
            </w:r>
          </w:p>
          <w:p w14:paraId="3555C028" w14:textId="10AB2DC2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lang w:val="da-DK"/>
              </w:rPr>
              <w:t>Der har ikke været anvendt medicin til sygdomsbehandling</w:t>
            </w:r>
            <w:r w:rsidR="00D76694" w:rsidRPr="00012464">
              <w:rPr>
                <w:lang w:val="da-DK"/>
              </w:rPr>
              <w:t>.</w:t>
            </w:r>
            <w:r w:rsidRPr="00012464">
              <w:rPr>
                <w:lang w:val="da-DK"/>
              </w:rPr>
              <w:t xml:space="preserve"> </w:t>
            </w:r>
          </w:p>
        </w:tc>
      </w:tr>
      <w:tr w:rsidR="00DA0416" w:rsidRPr="00012464" w14:paraId="3239E6CF" w14:textId="77777777" w:rsidTr="00C84055">
        <w:trPr>
          <w:jc w:val="center"/>
        </w:trPr>
        <w:tc>
          <w:tcPr>
            <w:tcW w:w="2122" w:type="dxa"/>
            <w:vAlign w:val="center"/>
          </w:tcPr>
          <w:p w14:paraId="289F0E26" w14:textId="23008322" w:rsidR="00477EA2" w:rsidRPr="00012464" w:rsidRDefault="00DA0416" w:rsidP="00477EA2">
            <w:pPr>
              <w:spacing w:after="0" w:line="276" w:lineRule="auto"/>
              <w:jc w:val="center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 xml:space="preserve">Håndhævelser </w:t>
            </w:r>
          </w:p>
          <w:p w14:paraId="78EE823F" w14:textId="05ABE9A1" w:rsidR="00DA0416" w:rsidRPr="00012464" w:rsidRDefault="00DA0416" w:rsidP="00C84055">
            <w:pPr>
              <w:spacing w:line="276" w:lineRule="auto"/>
              <w:jc w:val="center"/>
              <w:rPr>
                <w:b/>
                <w:lang w:val="da-DK"/>
              </w:rPr>
            </w:pPr>
          </w:p>
        </w:tc>
        <w:tc>
          <w:tcPr>
            <w:tcW w:w="7506" w:type="dxa"/>
            <w:gridSpan w:val="8"/>
            <w:vAlign w:val="center"/>
          </w:tcPr>
          <w:p w14:paraId="4C63F850" w14:textId="112B8073" w:rsidR="00DA0416" w:rsidRPr="00012464" w:rsidRDefault="00D76694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lang w:val="da-DK"/>
              </w:rPr>
              <w:t>Aalborg Kommune har ikke bemærkninger til årsindberetningen</w:t>
            </w:r>
            <w:r w:rsidR="00F12437">
              <w:rPr>
                <w:lang w:val="da-DK"/>
              </w:rPr>
              <w:t xml:space="preserve"> og egenkontrol</w:t>
            </w:r>
            <w:r w:rsidRPr="00012464">
              <w:rPr>
                <w:lang w:val="da-DK"/>
              </w:rPr>
              <w:t xml:space="preserve"> for 2022.</w:t>
            </w:r>
          </w:p>
        </w:tc>
      </w:tr>
    </w:tbl>
    <w:p w14:paraId="7258738E" w14:textId="77777777" w:rsidR="00DA0416" w:rsidRPr="008426F8" w:rsidRDefault="00DA0416" w:rsidP="00DA0416">
      <w:r>
        <w:t xml:space="preserve"> </w:t>
      </w:r>
    </w:p>
    <w:p w14:paraId="0959A75A" w14:textId="77777777" w:rsidR="005D1347" w:rsidRDefault="005D1347"/>
    <w:sectPr w:rsidR="005D1347" w:rsidSect="008426F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5DF504E" w14:textId="77777777" w:rsidR="00BB364D" w:rsidRDefault="00D76694">
      <w:pPr>
        <w:spacing w:after="0" w:line="240" w:lineRule="auto"/>
      </w:pPr>
      <w:r>
        <w:separator/>
      </w:r>
    </w:p>
  </w:endnote>
  <w:endnote w:type="continuationSeparator" w:id="0">
    <w:p w14:paraId="246F57C5" w14:textId="77777777" w:rsidR="00BB364D" w:rsidRDefault="00D7669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729B604" w14:textId="77777777" w:rsidR="00F454E0" w:rsidRDefault="00A81608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4025238" w14:textId="77777777" w:rsidR="007340D2" w:rsidRDefault="00DA0416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276CE701" wp14:editId="17E6D03B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655FF0E" w14:textId="77777777" w:rsidR="00656DFD" w:rsidRPr="00080AA0" w:rsidRDefault="00DA0416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1D474E4F" wp14:editId="5393F4DB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76CE701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4655FF0E" w14:textId="77777777" w:rsidR="00656DFD" w:rsidRPr="00080AA0" w:rsidRDefault="00DA0416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1D474E4F" wp14:editId="5393F4DB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C60055E" w14:textId="77777777" w:rsidR="004C1816" w:rsidRDefault="00A81608" w:rsidP="00042200">
    <w:pPr>
      <w:pStyle w:val="Sidefod"/>
      <w:spacing w:after="0"/>
      <w:ind w:right="-1815"/>
      <w:rPr>
        <w:b/>
      </w:rPr>
    </w:pPr>
  </w:p>
  <w:p w14:paraId="4ABABDEA" w14:textId="77777777" w:rsidR="008F1B07" w:rsidRPr="00042200" w:rsidRDefault="00DA0416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5DFBAA9E" wp14:editId="1ACD635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E254C53" w14:textId="77777777" w:rsidR="004817FD" w:rsidRPr="00080AA0" w:rsidRDefault="00DA0416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6E913C84" wp14:editId="54CB8026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DFBAA9E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6E254C53" w14:textId="77777777" w:rsidR="004817FD" w:rsidRPr="00080AA0" w:rsidRDefault="00DA0416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6E913C84" wp14:editId="54CB8026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5FACF79" w14:textId="77777777" w:rsidR="00BB364D" w:rsidRDefault="00D76694">
      <w:pPr>
        <w:spacing w:after="0" w:line="240" w:lineRule="auto"/>
      </w:pPr>
      <w:r>
        <w:separator/>
      </w:r>
    </w:p>
  </w:footnote>
  <w:footnote w:type="continuationSeparator" w:id="0">
    <w:p w14:paraId="7A0D1053" w14:textId="77777777" w:rsidR="00BB364D" w:rsidRDefault="00D7669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E0016BC" w14:textId="77777777" w:rsidR="00F454E0" w:rsidRDefault="00A81608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646BA3F" w14:textId="77777777" w:rsidR="00F454E0" w:rsidRDefault="00A81608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F72945" w14:textId="77777777" w:rsidR="007340D2" w:rsidRDefault="00DA0416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61312" behindDoc="0" locked="0" layoutInCell="1" allowOverlap="1" wp14:anchorId="0CCF2A20" wp14:editId="028FB411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A0416"/>
    <w:rsid w:val="00012464"/>
    <w:rsid w:val="00477EA2"/>
    <w:rsid w:val="005D1347"/>
    <w:rsid w:val="00A81608"/>
    <w:rsid w:val="00BB364D"/>
    <w:rsid w:val="00D76694"/>
    <w:rsid w:val="00DA0416"/>
    <w:rsid w:val="00ED05A1"/>
    <w:rsid w:val="00F1243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9B8FDE2"/>
  <w15:chartTrackingRefBased/>
  <w15:docId w15:val="{EF247AA9-7022-4ACA-9A97-D7E00AEA60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A0416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fod">
    <w:name w:val="footer"/>
    <w:basedOn w:val="Normal"/>
    <w:link w:val="SidefodTegn"/>
    <w:rsid w:val="00DA0416"/>
    <w:pPr>
      <w:tabs>
        <w:tab w:val="center" w:pos="4819"/>
        <w:tab w:val="right" w:pos="9638"/>
      </w:tabs>
    </w:pPr>
  </w:style>
  <w:style w:type="character" w:customStyle="1" w:styleId="SidefodTegn">
    <w:name w:val="Sidefod Tegn"/>
    <w:basedOn w:val="Standardskrifttypeiafsnit"/>
    <w:link w:val="Sidefod"/>
    <w:rsid w:val="00DA0416"/>
  </w:style>
  <w:style w:type="paragraph" w:styleId="Sidehoved">
    <w:name w:val="header"/>
    <w:basedOn w:val="Normal"/>
    <w:link w:val="SidehovedTegn"/>
    <w:rsid w:val="00DA0416"/>
    <w:pPr>
      <w:tabs>
        <w:tab w:val="center" w:pos="4819"/>
        <w:tab w:val="right" w:pos="9638"/>
      </w:tabs>
    </w:pPr>
  </w:style>
  <w:style w:type="character" w:customStyle="1" w:styleId="SidehovedTegn">
    <w:name w:val="Sidehoved Tegn"/>
    <w:basedOn w:val="Standardskrifttypeiafsnit"/>
    <w:link w:val="Sidehoved"/>
    <w:rsid w:val="00DA0416"/>
  </w:style>
  <w:style w:type="character" w:styleId="Sidetal">
    <w:name w:val="page number"/>
    <w:basedOn w:val="Standardskrifttypeiafsnit"/>
    <w:rsid w:val="00DA0416"/>
  </w:style>
  <w:style w:type="table" w:styleId="Tabel-Gitter">
    <w:name w:val="Table Grid"/>
    <w:basedOn w:val="Tabel-Normal"/>
    <w:uiPriority w:val="39"/>
    <w:rsid w:val="00DA0416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eastAsiaTheme="minorEastAsia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customXml" Target="../customXml/item3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tyles" Target="style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fdeling xmlns="17a7fc0b-6a67-43f3-9f1a-c322e82e4607" xsi:nil="true"/>
    <DokumentType xmlns="17a7fc0b-6a67-43f3-9f1a-c322e82e4607" xsi:nil="true"/>
    <Ansvarlig xmlns="17a7fc0b-6a67-43f3-9f1a-c322e82e4607" xsi:nil="true"/>
    <Status xmlns="17a7fc0b-6a67-43f3-9f1a-c322e82e4607" xsi:nil="true"/>
    <eDoc_ParentID xmlns="17a7fc0b-6a67-43f3-9f1a-c322e82e4607" xsi:nil="true"/>
    <eDoc xmlns="17a7fc0b-6a67-43f3-9f1a-c322e82e4607" xsi:nil="true"/>
    <Journalizer_Timestamp xmlns="17a7fc0b-6a67-43f3-9f1a-c322e82e4607" xsi:nil="true"/>
    <TaxCatchAll xmlns="581834bd-d0fd-413c-b4ef-c71e7c467ac2" xsi:nil="true"/>
    <ESDH xmlns="17a7fc0b-6a67-43f3-9f1a-c322e82e4607">Nej</ESDH>
    <eDoc_ID xmlns="17a7fc0b-6a67-43f3-9f1a-c322e82e4607" xsi:nil="true"/>
    <eDoc_Link xmlns="17a7fc0b-6a67-43f3-9f1a-c322e82e4607" xsi:nil="true"/>
    <lcf76f155ced4ddcb4097134ff3c332f xmlns="17a7fc0b-6a67-43f3-9f1a-c322e82e4607">
      <Terms xmlns="http://schemas.microsoft.com/office/infopath/2007/PartnerControls"/>
    </lcf76f155ced4ddcb4097134ff3c332f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90FB43893E967042916448F7EF445685" ma:contentTypeVersion="26" ma:contentTypeDescription="Opret et nyt dokument." ma:contentTypeScope="" ma:versionID="5a0dd2fd8d852de2cfe814b6546a0f82">
  <xsd:schema xmlns:xsd="http://www.w3.org/2001/XMLSchema" xmlns:xs="http://www.w3.org/2001/XMLSchema" xmlns:p="http://schemas.microsoft.com/office/2006/metadata/properties" xmlns:ns2="17a7fc0b-6a67-43f3-9f1a-c322e82e4607" xmlns:ns3="581834bd-d0fd-413c-b4ef-c71e7c467ac2" targetNamespace="http://schemas.microsoft.com/office/2006/metadata/properties" ma:root="true" ma:fieldsID="ac8a11d474511e99e6eb1aac75194693" ns2:_="" ns3:_="">
    <xsd:import namespace="17a7fc0b-6a67-43f3-9f1a-c322e82e4607"/>
    <xsd:import namespace="581834bd-d0fd-413c-b4ef-c71e7c467ac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2:MediaLengthInSeconds" minOccurs="0"/>
                <xsd:element ref="ns2:ESDH" minOccurs="0"/>
                <xsd:element ref="ns2:eDoc" minOccurs="0"/>
                <xsd:element ref="ns2:DokumentType" minOccurs="0"/>
                <xsd:element ref="ns2:Status" minOccurs="0"/>
                <xsd:element ref="ns2:Journalizer_Timestamp" minOccurs="0"/>
                <xsd:element ref="ns2:Afdeling" minOccurs="0"/>
                <xsd:element ref="ns2:Ansvarlig" minOccurs="0"/>
                <xsd:element ref="ns2:eDoc_ID" minOccurs="0"/>
                <xsd:element ref="ns2:eDoc_ParentID" minOccurs="0"/>
                <xsd:element ref="ns2:eDoc_Link" minOccurs="0"/>
                <xsd:element ref="ns2:lcf76f155ced4ddcb4097134ff3c332f" minOccurs="0"/>
                <xsd:element ref="ns3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7a7fc0b-6a67-43f3-9f1a-c322e82e460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ESDH" ma:index="21" nillable="true" ma:displayName="ESDH" ma:default="Nej" ma:format="Dropdown" ma:internalName="ESDH" ma:readOnly="false">
      <xsd:simpleType>
        <xsd:restriction base="dms:Choice">
          <xsd:enumeration value="Ja"/>
          <xsd:enumeration value="Nej"/>
        </xsd:restriction>
      </xsd:simpleType>
    </xsd:element>
    <xsd:element name="eDoc" ma:index="22" nillable="true" ma:displayName="eDoc" ma:internalName="eDoc" ma:readOnly="false">
      <xsd:simpleType>
        <xsd:restriction base="dms:Text">
          <xsd:maxLength value="255"/>
        </xsd:restriction>
      </xsd:simpleType>
    </xsd:element>
    <xsd:element name="DokumentType" ma:index="23" nillable="true" ma:displayName="DokumentType" ma:format="Dropdown" ma:internalName="DokumentType" ma:readOnly="false">
      <xsd:simpleType>
        <xsd:restriction base="dms:Choice">
          <xsd:enumeration value="Intern"/>
          <xsd:enumeration value="Indgående"/>
          <xsd:enumeration value="Udgående"/>
        </xsd:restriction>
      </xsd:simpleType>
    </xsd:element>
    <xsd:element name="Status" ma:index="24" nillable="true" ma:displayName="Status" ma:format="Dropdown" ma:internalName="Status" ma:readOnly="false">
      <xsd:simpleType>
        <xsd:restriction base="dms:Choice">
          <xsd:enumeration value="Kladde"/>
          <xsd:enumeration value="Endelig"/>
          <xsd:enumeration value=""/>
        </xsd:restriction>
      </xsd:simpleType>
    </xsd:element>
    <xsd:element name="Journalizer_Timestamp" ma:index="25" nillable="true" ma:displayName="Journalizer_Timestamp" ma:internalName="Journalizer_Timestamp" ma:readOnly="false">
      <xsd:simpleType>
        <xsd:restriction base="dms:Text">
          <xsd:maxLength value="255"/>
        </xsd:restriction>
      </xsd:simpleType>
    </xsd:element>
    <xsd:element name="Afdeling" ma:index="26" nillable="true" ma:displayName="Afdeling" ma:internalName="Afdeling" ma:readOnly="false">
      <xsd:simpleType>
        <xsd:restriction base="dms:Text">
          <xsd:maxLength value="255"/>
        </xsd:restriction>
      </xsd:simpleType>
    </xsd:element>
    <xsd:element name="Ansvarlig" ma:index="27" nillable="true" ma:displayName="Ansvarlig" ma:internalName="Ansvarlig" ma:readOnly="false">
      <xsd:simpleType>
        <xsd:restriction base="dms:Text">
          <xsd:maxLength value="255"/>
        </xsd:restriction>
      </xsd:simpleType>
    </xsd:element>
    <xsd:element name="eDoc_ID" ma:index="28" nillable="true" ma:displayName="eDoc_ID" ma:internalName="eDoc_ID" ma:readOnly="false">
      <xsd:simpleType>
        <xsd:restriction base="dms:Text">
          <xsd:maxLength value="255"/>
        </xsd:restriction>
      </xsd:simpleType>
    </xsd:element>
    <xsd:element name="eDoc_ParentID" ma:index="29" nillable="true" ma:displayName="eDoc_ParentID" ma:internalName="eDoc_ParentID" ma:readOnly="false">
      <xsd:simpleType>
        <xsd:restriction base="dms:Text">
          <xsd:maxLength value="255"/>
        </xsd:restriction>
      </xsd:simpleType>
    </xsd:element>
    <xsd:element name="eDoc_Link" ma:index="30" nillable="true" ma:displayName="eDoc_Link" ma:internalName="eDoc_Link" ma:readOnly="false">
      <xsd:simpleType>
        <xsd:restriction base="dms:Text">
          <xsd:maxLength value="255"/>
        </xsd:restriction>
      </xsd:simpleType>
    </xsd:element>
    <xsd:element name="lcf76f155ced4ddcb4097134ff3c332f" ma:index="32" nillable="true" ma:taxonomy="true" ma:internalName="lcf76f155ced4ddcb4097134ff3c332f" ma:taxonomyFieldName="MediaServiceImageTags" ma:displayName="Billedmærker" ma:readOnly="false" ma:fieldId="{5cf76f15-5ced-4ddc-b409-7134ff3c332f}" ma:taxonomyMulti="true" ma:sspId="99b1d6fa-7396-4be3-b0e0-255b88a4d43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81834bd-d0fd-413c-b4ef-c71e7c467ac2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Delt med detaljer" ma:internalName="SharedWithDetails" ma:readOnly="true">
      <xsd:simpleType>
        <xsd:restriction base="dms:Note">
          <xsd:maxLength value="255"/>
        </xsd:restriction>
      </xsd:simpleType>
    </xsd:element>
    <xsd:element name="TaxCatchAll" ma:index="33" nillable="true" ma:displayName="Taxonomy Catch All Column" ma:hidden="true" ma:list="{3c17f1c2-2876-44f5-acba-25bdb3e6269f}" ma:internalName="TaxCatchAll" ma:showField="CatchAllData" ma:web="581834bd-d0fd-413c-b4ef-c71e7c467ac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FFAFDDC3-BCEC-4B28-A66D-B1E1098296C3}">
  <ds:schemaRefs>
    <ds:schemaRef ds:uri="http://schemas.microsoft.com/office/2006/documentManagement/types"/>
    <ds:schemaRef ds:uri="http://schemas.microsoft.com/office/2006/metadata/properties"/>
    <ds:schemaRef ds:uri="http://purl.org/dc/elements/1.1/"/>
    <ds:schemaRef ds:uri="17a7fc0b-6a67-43f3-9f1a-c322e82e4607"/>
    <ds:schemaRef ds:uri="http://schemas.openxmlformats.org/package/2006/metadata/core-properties"/>
    <ds:schemaRef ds:uri="http://purl.org/dc/terms/"/>
    <ds:schemaRef ds:uri="http://www.w3.org/XML/1998/namespace"/>
    <ds:schemaRef ds:uri="http://purl.org/dc/dcmitype/"/>
    <ds:schemaRef ds:uri="http://schemas.microsoft.com/office/infopath/2007/PartnerControls"/>
    <ds:schemaRef ds:uri="581834bd-d0fd-413c-b4ef-c71e7c467ac2"/>
  </ds:schemaRefs>
</ds:datastoreItem>
</file>

<file path=customXml/itemProps2.xml><?xml version="1.0" encoding="utf-8"?>
<ds:datastoreItem xmlns:ds="http://schemas.openxmlformats.org/officeDocument/2006/customXml" ds:itemID="{33CFF0E0-C7DE-45CF-87AB-B1AB075E9A3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57D11DF-CA77-4ADB-9AE1-65A98858344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7a7fc0b-6a67-43f3-9f1a-c322e82e4607"/>
    <ds:schemaRef ds:uri="581834bd-d0fd-413c-b4ef-c71e7c467ac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66</Words>
  <Characters>1076</Characters>
  <Application>Microsoft Office Word</Application>
  <DocSecurity>0</DocSecurity>
  <Lines>41</Lines>
  <Paragraphs>33</Paragraphs>
  <ScaleCrop>false</ScaleCrop>
  <Company/>
  <LinksUpToDate>false</LinksUpToDate>
  <CharactersWithSpaces>120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tte Schmidt Hildebrand</dc:creator>
  <cp:keywords/>
  <dc:description/>
  <cp:lastModifiedBy>Mette Schmidt Hildebrand</cp:lastModifiedBy>
  <cp:revision>2</cp:revision>
  <dcterms:created xsi:type="dcterms:W3CDTF">2023-09-11T08:33:00Z</dcterms:created>
  <dcterms:modified xsi:type="dcterms:W3CDTF">2023-09-11T08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0FB43893E967042916448F7EF445685</vt:lpwstr>
  </property>
  <property fmtid="{D5CDD505-2E9C-101B-9397-08002B2CF9AE}" pid="3" name="Order">
    <vt:r8>734600</vt:r8>
  </property>
</Properties>
</file>